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30E48A95" w14:textId="67585DF0" w:rsidR="00AE06EC" w:rsidRDefault="00AE06EC" w:rsidP="00AE06EC">
      <w:pPr>
        <w:jc w:val="center"/>
        <w:rPr>
          <w:b/>
          <w:bCs/>
          <w:sz w:val="32"/>
          <w:szCs w:val="32"/>
        </w:rPr>
      </w:pPr>
      <w:r w:rsidRPr="00AE06EC">
        <w:rPr>
          <w:b/>
          <w:bCs/>
          <w:sz w:val="32"/>
          <w:szCs w:val="32"/>
        </w:rPr>
        <w:t>Checklist for H-1B Visas</w:t>
      </w:r>
      <w:r w:rsidR="00EE31C7">
        <w:rPr>
          <w:b/>
          <w:bCs/>
          <w:sz w:val="32"/>
          <w:szCs w:val="32"/>
        </w:rPr>
        <w:t xml:space="preserve"> </w:t>
      </w:r>
    </w:p>
    <w:p w14:paraId="2C2C6C4A" w14:textId="3F43133F" w:rsidR="00EE31C7" w:rsidRPr="00EE31C7" w:rsidRDefault="00EE31C7" w:rsidP="00EE31C7">
      <w:pPr>
        <w:jc w:val="center"/>
        <w:rPr>
          <w:sz w:val="24"/>
          <w:szCs w:val="24"/>
        </w:rPr>
      </w:pPr>
      <w:r w:rsidRPr="4DDD0FD8">
        <w:rPr>
          <w:sz w:val="24"/>
          <w:szCs w:val="24"/>
        </w:rPr>
        <w:t>New | Extension | Amendment | Transfer</w:t>
      </w:r>
    </w:p>
    <w:p w14:paraId="698CD47B" w14:textId="5ECDEB3B" w:rsidR="4DDD0FD8" w:rsidRDefault="4DDD0FD8" w:rsidP="4DDD0FD8">
      <w:pPr>
        <w:jc w:val="center"/>
        <w:rPr>
          <w:sz w:val="24"/>
          <w:szCs w:val="24"/>
        </w:rPr>
      </w:pPr>
    </w:p>
    <w:p w14:paraId="602C279B" w14:textId="77777777" w:rsidR="00AE06EC" w:rsidRPr="00EE31C7" w:rsidRDefault="00AE06EC" w:rsidP="00AE06EC">
      <w:pPr>
        <w:rPr>
          <w:b/>
          <w:bCs/>
          <w:sz w:val="28"/>
          <w:szCs w:val="28"/>
        </w:rPr>
      </w:pPr>
      <w:r w:rsidRPr="00EE31C7">
        <w:rPr>
          <w:b/>
          <w:bCs/>
          <w:sz w:val="28"/>
          <w:szCs w:val="28"/>
        </w:rPr>
        <w:t>Items needed from your department</w:t>
      </w:r>
    </w:p>
    <w:p w14:paraId="6E90592F" w14:textId="73825AD6" w:rsidR="00EE31C7" w:rsidRPr="00EE31C7" w:rsidRDefault="00000000" w:rsidP="00AE06EC">
      <w:sdt>
        <w:sdtPr>
          <w:id w:val="-2081123803"/>
          <w:placeholder>
            <w:docPart w:val="DefaultPlaceholder_-1854013440"/>
          </w:placeholder>
        </w:sdtPr>
        <w:sdtContent>
          <w:sdt>
            <w:sdtPr>
              <w:id w:val="-748809071"/>
              <w:placeholder>
                <w:docPart w:val="DefaultPlaceholder_-1854013440"/>
              </w:placeholder>
            </w:sdtPr>
            <w:sdtContent>
              <w:sdt>
                <w:sdtPr>
                  <w:id w:val="-249508797"/>
                  <w:placeholder>
                    <w:docPart w:val="DefaultPlaceholder_-1854013440"/>
                  </w:placeholder>
                </w:sdtPr>
                <w:sdtContent>
                  <w:sdt>
                    <w:sdtPr>
                      <w:id w:val="-716272269"/>
                      <w14:checkbox>
                        <w14:checked w14:val="0"/>
                        <w14:checkedState w14:val="2612" w14:font="MS Gothic"/>
                        <w14:uncheckedState w14:val="2610" w14:font="MS Gothic"/>
                      </w14:checkbox>
                    </w:sdtPr>
                    <w:sdtContent>
                      <w:r w:rsidR="17B0E761" w:rsidRPr="4DDD0FD8">
                        <w:rPr>
                          <w:rFonts w:ascii="MS Gothic" w:eastAsia="MS Gothic" w:hAnsi="MS Gothic" w:cs="MS Gothic"/>
                        </w:rPr>
                        <w:t>☐</w:t>
                      </w:r>
                    </w:sdtContent>
                  </w:sdt>
                </w:sdtContent>
              </w:sdt>
            </w:sdtContent>
          </w:sdt>
        </w:sdtContent>
      </w:sdt>
      <w:r w:rsidR="00EE31C7">
        <w:t xml:space="preserve"> </w:t>
      </w:r>
      <w:r w:rsidR="008D57F5" w:rsidRPr="4DDD0FD8">
        <w:rPr>
          <w:b/>
          <w:bCs/>
        </w:rPr>
        <w:t>1</w:t>
      </w:r>
      <w:r w:rsidR="008D57F5">
        <w:t xml:space="preserve">. </w:t>
      </w:r>
      <w:r w:rsidR="00AE06EC">
        <w:t>H-1B Job Description form (</w:t>
      </w:r>
      <w:hyperlink r:id="rId5">
        <w:r w:rsidR="00AE06EC" w:rsidRPr="4DDD0FD8">
          <w:rPr>
            <w:rStyle w:val="Hyperlink"/>
            <w:color w:val="0070C0"/>
          </w:rPr>
          <w:t>download form</w:t>
        </w:r>
      </w:hyperlink>
      <w:r w:rsidR="00AE06EC">
        <w:t>)</w:t>
      </w:r>
    </w:p>
    <w:p w14:paraId="0B1EF27E" w14:textId="2D649A11" w:rsidR="00AE06EC" w:rsidRDefault="00000000" w:rsidP="00AE06EC">
      <w:sdt>
        <w:sdtPr>
          <w:id w:val="809989160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 w:rsidRPr="4DDD0FD8">
            <w:rPr>
              <w:rFonts w:ascii="MS Gothic" w:eastAsia="MS Gothic" w:hAnsi="MS Gothic"/>
            </w:rPr>
            <w:t>☐</w:t>
          </w:r>
        </w:sdtContent>
      </w:sdt>
      <w:r w:rsidR="00EE31C7">
        <w:t xml:space="preserve"> </w:t>
      </w:r>
      <w:r w:rsidR="008D57F5" w:rsidRPr="4DDD0FD8">
        <w:rPr>
          <w:b/>
          <w:bCs/>
        </w:rPr>
        <w:t>2.</w:t>
      </w:r>
      <w:r w:rsidR="008D57F5">
        <w:t xml:space="preserve"> </w:t>
      </w:r>
      <w:hyperlink r:id="rId6">
        <w:r w:rsidR="00AE06EC" w:rsidRPr="4DDD0FD8">
          <w:rPr>
            <w:rStyle w:val="Hyperlink"/>
            <w:color w:val="0070C0"/>
          </w:rPr>
          <w:t>Export Controls Questionnaire</w:t>
        </w:r>
      </w:hyperlink>
    </w:p>
    <w:p w14:paraId="3D4977C2" w14:textId="5E64DD32" w:rsidR="00AE06EC" w:rsidRDefault="00000000" w:rsidP="00AE06EC">
      <w:sdt>
        <w:sdtPr>
          <w:id w:val="270903520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 w:rsidRPr="4DDD0FD8">
            <w:rPr>
              <w:rFonts w:ascii="MS Gothic" w:eastAsia="MS Gothic" w:hAnsi="MS Gothic"/>
            </w:rPr>
            <w:t>☐</w:t>
          </w:r>
        </w:sdtContent>
      </w:sdt>
      <w:r w:rsidR="00EE31C7" w:rsidRPr="4DDD0FD8">
        <w:rPr>
          <w:b/>
          <w:bCs/>
        </w:rPr>
        <w:t xml:space="preserve"> </w:t>
      </w:r>
      <w:r w:rsidR="008D57F5" w:rsidRPr="4DDD0FD8">
        <w:rPr>
          <w:b/>
          <w:bCs/>
        </w:rPr>
        <w:t>3.</w:t>
      </w:r>
      <w:r w:rsidR="008D57F5">
        <w:t xml:space="preserve"> </w:t>
      </w:r>
      <w:r w:rsidR="00AE06EC">
        <w:t>Internal wage documentation</w:t>
      </w:r>
    </w:p>
    <w:p w14:paraId="468418DB" w14:textId="00A56C92" w:rsidR="00AE06EC" w:rsidRPr="00EE31C7" w:rsidRDefault="00000000" w:rsidP="00AE06EC">
      <w:pPr>
        <w:rPr>
          <w:b/>
          <w:bCs/>
        </w:rPr>
      </w:pPr>
      <w:sdt>
        <w:sdtPr>
          <w:rPr>
            <w:b/>
            <w:bCs/>
          </w:rPr>
          <w:id w:val="-103816297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 w:rsidRPr="4DDD0FD8">
            <w:rPr>
              <w:rFonts w:ascii="MS Gothic" w:eastAsia="MS Gothic" w:hAnsi="MS Gothic"/>
              <w:b/>
              <w:bCs/>
            </w:rPr>
            <w:t>☐</w:t>
          </w:r>
        </w:sdtContent>
      </w:sdt>
      <w:r w:rsidR="00EE31C7" w:rsidRPr="4DDD0FD8">
        <w:rPr>
          <w:b/>
          <w:bCs/>
        </w:rPr>
        <w:t xml:space="preserve"> </w:t>
      </w:r>
      <w:r w:rsidR="008D57F5" w:rsidRPr="4DDD0FD8">
        <w:rPr>
          <w:b/>
          <w:bCs/>
        </w:rPr>
        <w:t xml:space="preserve">4. </w:t>
      </w:r>
      <w:r w:rsidR="00AE06EC" w:rsidRPr="4DDD0FD8">
        <w:rPr>
          <w:b/>
          <w:bCs/>
        </w:rPr>
        <w:t>Select appropriate option for type of position:</w:t>
      </w:r>
    </w:p>
    <w:p w14:paraId="378704C5" w14:textId="77777777" w:rsidR="00EE31C7" w:rsidRDefault="00000000" w:rsidP="00AE06EC">
      <w:pPr>
        <w:pStyle w:val="ListParagraph"/>
        <w:numPr>
          <w:ilvl w:val="0"/>
          <w:numId w:val="1"/>
        </w:numPr>
      </w:pPr>
      <w:sdt>
        <w:sdtPr>
          <w:id w:val="525757057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>
            <w:rPr>
              <w:rFonts w:ascii="MS Gothic" w:eastAsia="MS Gothic" w:hAnsi="MS Gothic" w:hint="eastAsia"/>
            </w:rPr>
            <w:t>☐</w:t>
          </w:r>
        </w:sdtContent>
      </w:sdt>
      <w:r w:rsidR="00EE31C7">
        <w:t xml:space="preserve"> </w:t>
      </w:r>
      <w:r w:rsidR="00AE06EC" w:rsidRPr="00EE31C7">
        <w:rPr>
          <w:b/>
          <w:bCs/>
        </w:rPr>
        <w:t>Postdoctoral research scholar positions</w:t>
      </w:r>
      <w:r w:rsidR="00AE06EC">
        <w:t xml:space="preserve"> (Include </w:t>
      </w:r>
      <w:sdt>
        <w:sdtPr>
          <w:id w:val="-533274783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>
            <w:rPr>
              <w:rFonts w:ascii="MS Gothic" w:eastAsia="MS Gothic" w:hAnsi="MS Gothic" w:hint="eastAsia"/>
            </w:rPr>
            <w:t>☐</w:t>
          </w:r>
        </w:sdtContent>
      </w:sdt>
      <w:r w:rsidR="00EE31C7">
        <w:t xml:space="preserve"> </w:t>
      </w:r>
      <w:r w:rsidR="00AE06EC">
        <w:t xml:space="preserve">Postdoc Pay Plan and </w:t>
      </w:r>
      <w:sdt>
        <w:sdtPr>
          <w:id w:val="221565808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>
            <w:rPr>
              <w:rFonts w:ascii="MS Gothic" w:eastAsia="MS Gothic" w:hAnsi="MS Gothic" w:hint="eastAsia"/>
            </w:rPr>
            <w:t>☐</w:t>
          </w:r>
        </w:sdtContent>
      </w:sdt>
      <w:r w:rsidR="00AE06EC">
        <w:t xml:space="preserve"> Postdoc Spreadsheet with the</w:t>
      </w:r>
      <w:r w:rsidR="00EE31C7">
        <w:t xml:space="preserve"> </w:t>
      </w:r>
      <w:r w:rsidR="00AE06EC">
        <w:t>beneficiary of the H-1B visa.)</w:t>
      </w:r>
    </w:p>
    <w:p w14:paraId="0E2D4090" w14:textId="59742868" w:rsidR="00EE31C7" w:rsidRDefault="00000000" w:rsidP="00AE06EC">
      <w:pPr>
        <w:pStyle w:val="ListParagraph"/>
        <w:numPr>
          <w:ilvl w:val="0"/>
          <w:numId w:val="1"/>
        </w:numPr>
      </w:pPr>
      <w:sdt>
        <w:sdtPr>
          <w:rPr>
            <w:b/>
            <w:bCs/>
          </w:rPr>
          <w:id w:val="-1226528681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 w:rsidRPr="4DDD0FD8">
            <w:rPr>
              <w:rFonts w:ascii="MS Gothic" w:eastAsia="MS Gothic" w:hAnsi="MS Gothic"/>
              <w:b/>
              <w:bCs/>
            </w:rPr>
            <w:t>☐</w:t>
          </w:r>
        </w:sdtContent>
      </w:sdt>
      <w:r w:rsidR="00EE31C7" w:rsidRPr="4DDD0FD8">
        <w:rPr>
          <w:b/>
          <w:bCs/>
        </w:rPr>
        <w:t xml:space="preserve"> </w:t>
      </w:r>
      <w:r w:rsidR="00AE06EC" w:rsidRPr="4DDD0FD8">
        <w:rPr>
          <w:b/>
          <w:bCs/>
        </w:rPr>
        <w:t>Faculty positions</w:t>
      </w:r>
      <w:r w:rsidR="00AE06EC">
        <w:t xml:space="preserve"> (Include a completed </w:t>
      </w:r>
      <w:hyperlink r:id="rId7">
        <w:r w:rsidR="00AE06EC" w:rsidRPr="4DDD0FD8">
          <w:rPr>
            <w:rStyle w:val="Hyperlink"/>
            <w:color w:val="0070C0"/>
          </w:rPr>
          <w:t>Wage Worksheet</w:t>
        </w:r>
        <w:r w:rsidR="1E744D7F" w:rsidRPr="4DDD0FD8">
          <w:rPr>
            <w:rStyle w:val="Hyperlink"/>
            <w:color w:val="0070C0"/>
          </w:rPr>
          <w:t>)</w:t>
        </w:r>
      </w:hyperlink>
    </w:p>
    <w:p w14:paraId="57717AAE" w14:textId="10EFED39" w:rsidR="008D57F5" w:rsidRDefault="00000000" w:rsidP="00AE06EC">
      <w:pPr>
        <w:pStyle w:val="ListParagraph"/>
        <w:numPr>
          <w:ilvl w:val="0"/>
          <w:numId w:val="1"/>
        </w:numPr>
      </w:pPr>
      <w:sdt>
        <w:sdtPr>
          <w:rPr>
            <w:rFonts w:ascii="MS Gothic" w:eastAsia="MS Gothic" w:hAnsi="MS Gothic"/>
          </w:rPr>
          <w:id w:val="-1295670362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 w:rsidRPr="4DDD0FD8">
            <w:rPr>
              <w:rFonts w:ascii="MS Gothic" w:eastAsia="MS Gothic" w:hAnsi="MS Gothic"/>
            </w:rPr>
            <w:t>☐</w:t>
          </w:r>
        </w:sdtContent>
      </w:sdt>
      <w:r w:rsidR="00AE06EC">
        <w:t xml:space="preserve"> </w:t>
      </w:r>
      <w:r w:rsidR="00AE06EC" w:rsidRPr="4DDD0FD8">
        <w:rPr>
          <w:b/>
          <w:bCs/>
        </w:rPr>
        <w:t>Clinical residents or fellows</w:t>
      </w:r>
      <w:r w:rsidR="7E34EF10" w:rsidRPr="4DDD0FD8">
        <w:rPr>
          <w:b/>
          <w:bCs/>
        </w:rPr>
        <w:t xml:space="preserve"> </w:t>
      </w:r>
      <w:r w:rsidR="7E34EF10">
        <w:t>(I</w:t>
      </w:r>
      <w:r w:rsidR="00AE06EC">
        <w:t>nclude:</w:t>
      </w:r>
      <w:r w:rsidR="00EE31C7">
        <w:t xml:space="preserve"> </w:t>
      </w:r>
      <w:sdt>
        <w:sdtPr>
          <w:rPr>
            <w:rFonts w:ascii="MS Gothic" w:eastAsia="MS Gothic" w:hAnsi="MS Gothic"/>
          </w:rPr>
          <w:id w:val="-1011832199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 w:rsidRPr="4DDD0FD8">
            <w:rPr>
              <w:rFonts w:ascii="MS Gothic" w:eastAsia="MS Gothic" w:hAnsi="MS Gothic"/>
            </w:rPr>
            <w:t>☐</w:t>
          </w:r>
        </w:sdtContent>
      </w:sdt>
      <w:r w:rsidR="00AE06EC">
        <w:t>Current House Staff Pay Scale</w:t>
      </w:r>
      <w:r w:rsidR="00EE31C7">
        <w:t xml:space="preserve">  </w:t>
      </w:r>
      <w:sdt>
        <w:sdtPr>
          <w:id w:val="-914928927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EE31C7" w:rsidRPr="4DDD0FD8">
            <w:rPr>
              <w:rFonts w:ascii="MS Gothic" w:eastAsia="MS Gothic" w:hAnsi="MS Gothic"/>
            </w:rPr>
            <w:t>☐</w:t>
          </w:r>
        </w:sdtContent>
      </w:sdt>
      <w:r w:rsidR="00AE06EC">
        <w:t>Contract</w:t>
      </w:r>
      <w:r w:rsidR="52B93E82">
        <w:t>)</w:t>
      </w:r>
      <w:r w:rsidR="00AE06EC">
        <w:t xml:space="preserve"> letter for offered period of clinical training indicatin</w:t>
      </w:r>
      <w:r w:rsidR="00EE31C7">
        <w:t xml:space="preserve">g </w:t>
      </w:r>
      <w:r w:rsidR="00AE06EC">
        <w:t>PGY level and salary.</w:t>
      </w:r>
    </w:p>
    <w:p w14:paraId="32DEBA9B" w14:textId="753154C8" w:rsidR="00AE06EC" w:rsidRDefault="00000000" w:rsidP="00AE06EC">
      <w:pPr>
        <w:pStyle w:val="ListParagraph"/>
        <w:numPr>
          <w:ilvl w:val="0"/>
          <w:numId w:val="1"/>
        </w:numPr>
      </w:pPr>
      <w:sdt>
        <w:sdtPr>
          <w:id w:val="483718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 w:rsidRPr="4DDD0FD8">
            <w:rPr>
              <w:rFonts w:ascii="MS Gothic" w:eastAsia="MS Gothic" w:hAnsi="MS Gothic"/>
            </w:rPr>
            <w:t>☐</w:t>
          </w:r>
        </w:sdtContent>
      </w:sdt>
      <w:r w:rsidR="00AE06EC">
        <w:t xml:space="preserve"> Classified positions (Include completed </w:t>
      </w:r>
      <w:hyperlink r:id="rId8">
        <w:r w:rsidR="00AE06EC" w:rsidRPr="4DDD0FD8">
          <w:rPr>
            <w:rStyle w:val="Hyperlink"/>
            <w:color w:val="0070C0"/>
          </w:rPr>
          <w:t>H-1B Actual Wage</w:t>
        </w:r>
        <w:r w:rsidR="008D57F5" w:rsidRPr="4DDD0FD8">
          <w:rPr>
            <w:rStyle w:val="Hyperlink"/>
            <w:color w:val="0070C0"/>
          </w:rPr>
          <w:t xml:space="preserve"> </w:t>
        </w:r>
        <w:r w:rsidR="00AE06EC" w:rsidRPr="4DDD0FD8">
          <w:rPr>
            <w:rStyle w:val="Hyperlink"/>
            <w:color w:val="0070C0"/>
          </w:rPr>
          <w:t>worksheet for classified staff</w:t>
        </w:r>
      </w:hyperlink>
      <w:r w:rsidR="30B7602C">
        <w:t>)</w:t>
      </w:r>
      <w:r w:rsidR="00AE06EC">
        <w:t xml:space="preserve"> Email to Compensation. Email a</w:t>
      </w:r>
      <w:r w:rsidR="008D57F5">
        <w:t xml:space="preserve"> </w:t>
      </w:r>
      <w:r w:rsidR="00AE06EC">
        <w:t>copy to OIA.)</w:t>
      </w:r>
    </w:p>
    <w:p w14:paraId="4C1A3F8F" w14:textId="06D4D4C3" w:rsidR="00AE06EC" w:rsidRDefault="00000000" w:rsidP="00AE06EC">
      <w:sdt>
        <w:sdtPr>
          <w:id w:val="-1663383678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 w:rsidRPr="4DDD0FD8">
            <w:rPr>
              <w:rFonts w:ascii="MS Gothic" w:eastAsia="MS Gothic" w:hAnsi="MS Gothic"/>
            </w:rPr>
            <w:t>☐</w:t>
          </w:r>
        </w:sdtContent>
      </w:sdt>
      <w:r w:rsidR="00AE06EC" w:rsidRPr="4DDD0FD8">
        <w:rPr>
          <w:b/>
          <w:bCs/>
        </w:rPr>
        <w:t xml:space="preserve"> </w:t>
      </w:r>
      <w:r w:rsidR="008D57F5" w:rsidRPr="4DDD0FD8">
        <w:rPr>
          <w:b/>
          <w:bCs/>
        </w:rPr>
        <w:t xml:space="preserve">5. </w:t>
      </w:r>
      <w:r w:rsidR="00AE06EC">
        <w:t>H-1B Agreement to Pay Return Transportation Costs (</w:t>
      </w:r>
      <w:hyperlink r:id="rId9">
        <w:r w:rsidR="00AE06EC" w:rsidRPr="4DDD0FD8">
          <w:rPr>
            <w:rStyle w:val="Hyperlink"/>
            <w:color w:val="0070C0"/>
          </w:rPr>
          <w:t>Download</w:t>
        </w:r>
        <w:r w:rsidR="008D57F5" w:rsidRPr="4DDD0FD8">
          <w:rPr>
            <w:rStyle w:val="Hyperlink"/>
            <w:color w:val="0070C0"/>
          </w:rPr>
          <w:t xml:space="preserve"> </w:t>
        </w:r>
        <w:r w:rsidR="00606F36" w:rsidRPr="4DDD0FD8">
          <w:rPr>
            <w:rStyle w:val="Hyperlink"/>
            <w:color w:val="0070C0"/>
          </w:rPr>
          <w:t xml:space="preserve">H-1B </w:t>
        </w:r>
        <w:r w:rsidR="00AE06EC" w:rsidRPr="4DDD0FD8">
          <w:rPr>
            <w:rStyle w:val="Hyperlink"/>
            <w:color w:val="0070C0"/>
          </w:rPr>
          <w:t>agreement</w:t>
        </w:r>
      </w:hyperlink>
      <w:r w:rsidR="00AE06EC">
        <w:t>, edit, print on letterhead, and request signature from the</w:t>
      </w:r>
      <w:r w:rsidR="008D57F5">
        <w:t xml:space="preserve"> </w:t>
      </w:r>
      <w:r w:rsidR="00AE06EC">
        <w:t>Department Chair.)</w:t>
      </w:r>
    </w:p>
    <w:p w14:paraId="6300460C" w14:textId="312CAC97" w:rsidR="00AE06EC" w:rsidRPr="00B41747" w:rsidRDefault="00000000" w:rsidP="00AE06EC">
      <w:sdt>
        <w:sdtPr>
          <w:id w:val="-166481620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 w:rsidRPr="4DDD0FD8">
            <w:rPr>
              <w:rFonts w:ascii="MS Gothic" w:eastAsia="MS Gothic" w:hAnsi="MS Gothic"/>
            </w:rPr>
            <w:t>☐</w:t>
          </w:r>
        </w:sdtContent>
      </w:sdt>
      <w:r w:rsidR="008D57F5">
        <w:t xml:space="preserve"> </w:t>
      </w:r>
      <w:r w:rsidR="00AE06EC" w:rsidRPr="4DDD0FD8">
        <w:rPr>
          <w:b/>
          <w:bCs/>
        </w:rPr>
        <w:t xml:space="preserve">6. </w:t>
      </w:r>
      <w:r w:rsidR="00AE06EC">
        <w:t>H-1B support letter from supervisor (</w:t>
      </w:r>
      <w:hyperlink r:id="rId10">
        <w:r w:rsidR="00AE06EC" w:rsidRPr="4DDD0FD8">
          <w:rPr>
            <w:rStyle w:val="Hyperlink"/>
            <w:color w:val="0070C0"/>
          </w:rPr>
          <w:t>draft</w:t>
        </w:r>
      </w:hyperlink>
      <w:r w:rsidR="00AE06EC">
        <w:t>)</w:t>
      </w:r>
      <w:r w:rsidR="008D57F5">
        <w:t xml:space="preserve"> </w:t>
      </w:r>
      <w:r w:rsidR="00AE06EC" w:rsidRPr="4DDD0FD8">
        <w:rPr>
          <w:i/>
          <w:iCs/>
        </w:rPr>
        <w:t>Please download and use this Word document to complete a draft of the</w:t>
      </w:r>
      <w:r w:rsidR="008D57F5" w:rsidRPr="4DDD0FD8">
        <w:rPr>
          <w:i/>
          <w:iCs/>
        </w:rPr>
        <w:t xml:space="preserve"> </w:t>
      </w:r>
      <w:r w:rsidR="00AE06EC" w:rsidRPr="4DDD0FD8">
        <w:rPr>
          <w:i/>
          <w:iCs/>
        </w:rPr>
        <w:t>support letter. The draft can be included in the H-1B packet submitted to</w:t>
      </w:r>
      <w:r w:rsidR="008D57F5" w:rsidRPr="4DDD0FD8">
        <w:rPr>
          <w:i/>
          <w:iCs/>
        </w:rPr>
        <w:t xml:space="preserve"> </w:t>
      </w:r>
      <w:r w:rsidR="00AE06EC" w:rsidRPr="4DDD0FD8">
        <w:rPr>
          <w:i/>
          <w:iCs/>
        </w:rPr>
        <w:t>the OIA. A signed letter will be requested later once a Senior</w:t>
      </w:r>
      <w:r w:rsidR="008D57F5" w:rsidRPr="4DDD0FD8">
        <w:rPr>
          <w:i/>
          <w:iCs/>
        </w:rPr>
        <w:t xml:space="preserve"> </w:t>
      </w:r>
      <w:r w:rsidR="00AE06EC" w:rsidRPr="4DDD0FD8">
        <w:rPr>
          <w:i/>
          <w:iCs/>
        </w:rPr>
        <w:t>Immigration Specialist has reviewed the H</w:t>
      </w:r>
      <w:r w:rsidR="008D57F5" w:rsidRPr="4DDD0FD8">
        <w:rPr>
          <w:i/>
          <w:iCs/>
        </w:rPr>
        <w:t>-</w:t>
      </w:r>
      <w:r w:rsidR="00AE06EC" w:rsidRPr="4DDD0FD8">
        <w:rPr>
          <w:i/>
          <w:iCs/>
        </w:rPr>
        <w:t>1B packet.</w:t>
      </w:r>
    </w:p>
    <w:p w14:paraId="6F41F574" w14:textId="48D33618" w:rsidR="008D57F5" w:rsidRDefault="00000000" w:rsidP="00AE06EC">
      <w:sdt>
        <w:sdtPr>
          <w:id w:val="-908149079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 w:rsidRPr="4DDD0FD8">
            <w:rPr>
              <w:rFonts w:ascii="MS Gothic" w:eastAsia="MS Gothic" w:hAnsi="MS Gothic"/>
            </w:rPr>
            <w:t>☐</w:t>
          </w:r>
        </w:sdtContent>
      </w:sdt>
      <w:r w:rsidR="008D57F5" w:rsidRPr="4DDD0FD8">
        <w:rPr>
          <w:b/>
          <w:bCs/>
        </w:rPr>
        <w:t xml:space="preserve"> 7</w:t>
      </w:r>
      <w:r w:rsidR="00AE06EC" w:rsidRPr="4DDD0FD8">
        <w:rPr>
          <w:b/>
          <w:bCs/>
        </w:rPr>
        <w:t xml:space="preserve">. </w:t>
      </w:r>
      <w:r w:rsidR="008D57F5">
        <w:t>Documents f</w:t>
      </w:r>
      <w:r w:rsidR="00AE06EC">
        <w:t>or faculty with patient care responsibilities and medical</w:t>
      </w:r>
      <w:r w:rsidR="008D57F5">
        <w:t xml:space="preserve"> </w:t>
      </w:r>
      <w:r w:rsidR="00AE06EC">
        <w:t>residents/fellows (For all others, leave blank)</w:t>
      </w:r>
    </w:p>
    <w:p w14:paraId="1203A5FA" w14:textId="0EC7A08B" w:rsidR="00AE06EC" w:rsidRDefault="00000000" w:rsidP="008D57F5">
      <w:pPr>
        <w:ind w:firstLine="360"/>
      </w:pPr>
      <w:sdt>
        <w:sdtPr>
          <w:id w:val="-270477765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>
            <w:rPr>
              <w:rFonts w:ascii="MS Gothic" w:eastAsia="MS Gothic" w:hAnsi="MS Gothic" w:hint="eastAsia"/>
            </w:rPr>
            <w:t>☐</w:t>
          </w:r>
        </w:sdtContent>
      </w:sdt>
      <w:r w:rsidR="008D57F5">
        <w:t xml:space="preserve"> A. </w:t>
      </w:r>
      <w:r w:rsidR="00AE06EC">
        <w:t>Documentation of Texas medical license</w:t>
      </w:r>
    </w:p>
    <w:p w14:paraId="19D24EB8" w14:textId="561B08FA" w:rsidR="008D57F5" w:rsidRDefault="00000000" w:rsidP="008D57F5">
      <w:pPr>
        <w:ind w:firstLine="360"/>
      </w:pPr>
      <w:sdt>
        <w:sdtPr>
          <w:id w:val="1510180251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>
            <w:rPr>
              <w:rFonts w:ascii="MS Gothic" w:eastAsia="MS Gothic" w:hAnsi="MS Gothic" w:hint="eastAsia"/>
            </w:rPr>
            <w:t>☐</w:t>
          </w:r>
        </w:sdtContent>
      </w:sdt>
      <w:r w:rsidR="008D57F5">
        <w:t xml:space="preserve"> B. Copy of USMLE Steps 1, 2, and 3 results</w:t>
      </w:r>
    </w:p>
    <w:p w14:paraId="5E498F25" w14:textId="19651673" w:rsidR="00AE06EC" w:rsidRDefault="00000000" w:rsidP="008D57F5">
      <w:pPr>
        <w:ind w:firstLine="360"/>
      </w:pPr>
      <w:sdt>
        <w:sdtPr>
          <w:id w:val="-1104812986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>
            <w:rPr>
              <w:rFonts w:ascii="MS Gothic" w:eastAsia="MS Gothic" w:hAnsi="MS Gothic" w:hint="eastAsia"/>
            </w:rPr>
            <w:t>☐</w:t>
          </w:r>
        </w:sdtContent>
      </w:sdt>
      <w:r w:rsidR="008D57F5">
        <w:t xml:space="preserve"> C. </w:t>
      </w:r>
      <w:r w:rsidR="00AE06EC">
        <w:t>Copy of ECFMG Certificate</w:t>
      </w:r>
    </w:p>
    <w:p w14:paraId="669280BF" w14:textId="76204573" w:rsidR="00AE06EC" w:rsidRDefault="00000000" w:rsidP="00AE06EC">
      <w:sdt>
        <w:sdtPr>
          <w:id w:val="-1390805834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 w:rsidRPr="4DDD0FD8">
            <w:rPr>
              <w:rFonts w:ascii="MS Gothic" w:eastAsia="MS Gothic" w:hAnsi="MS Gothic"/>
            </w:rPr>
            <w:t>☐</w:t>
          </w:r>
        </w:sdtContent>
      </w:sdt>
      <w:r w:rsidR="008D57F5">
        <w:t xml:space="preserve"> </w:t>
      </w:r>
      <w:r w:rsidR="008D57F5" w:rsidRPr="4DDD0FD8">
        <w:rPr>
          <w:b/>
          <w:bCs/>
        </w:rPr>
        <w:t>8</w:t>
      </w:r>
      <w:r w:rsidR="00AE06EC" w:rsidRPr="4DDD0FD8">
        <w:rPr>
          <w:b/>
          <w:bCs/>
        </w:rPr>
        <w:t xml:space="preserve">. </w:t>
      </w:r>
      <w:r w:rsidR="00AE06EC">
        <w:t xml:space="preserve">H-1B filing fees (Use documentation available at the </w:t>
      </w:r>
      <w:hyperlink r:id="rId11" w:anchor="fees">
        <w:r w:rsidR="00AE06EC" w:rsidRPr="4DDD0FD8">
          <w:rPr>
            <w:rStyle w:val="Hyperlink"/>
            <w:color w:val="0070C0"/>
          </w:rPr>
          <w:t>H-1B fees page</w:t>
        </w:r>
      </w:hyperlink>
      <w:r w:rsidR="00044E61">
        <w:t xml:space="preserve"> </w:t>
      </w:r>
      <w:r w:rsidR="00AE06EC">
        <w:t>to request UTSW checks payable to the U.S. Department of Homeland</w:t>
      </w:r>
      <w:r w:rsidR="008D57F5">
        <w:t xml:space="preserve"> </w:t>
      </w:r>
      <w:r w:rsidR="00AE06EC">
        <w:t>Security.)</w:t>
      </w:r>
    </w:p>
    <w:p w14:paraId="56FB65B1" w14:textId="448B7065" w:rsidR="00AE06EC" w:rsidRPr="008D57F5" w:rsidRDefault="00AE06EC" w:rsidP="00AE06EC">
      <w:pPr>
        <w:rPr>
          <w:b/>
          <w:bCs/>
        </w:rPr>
      </w:pPr>
      <w:r w:rsidRPr="008D57F5">
        <w:rPr>
          <w:b/>
          <w:bCs/>
        </w:rPr>
        <w:t>Items Needed from Employee/Beneficiary (give to departmental</w:t>
      </w:r>
      <w:r w:rsidR="008D57F5" w:rsidRPr="008D57F5">
        <w:rPr>
          <w:b/>
          <w:bCs/>
        </w:rPr>
        <w:t xml:space="preserve"> </w:t>
      </w:r>
      <w:r w:rsidRPr="008D57F5">
        <w:rPr>
          <w:b/>
          <w:bCs/>
        </w:rPr>
        <w:t>contact)</w:t>
      </w:r>
    </w:p>
    <w:p w14:paraId="12F7A835" w14:textId="6E93F270" w:rsidR="00AE06EC" w:rsidRPr="008D57F5" w:rsidRDefault="00AE06EC" w:rsidP="00AE06EC">
      <w:pPr>
        <w:rPr>
          <w:i/>
          <w:iCs/>
        </w:rPr>
      </w:pPr>
      <w:r w:rsidRPr="008D57F5">
        <w:rPr>
          <w:i/>
          <w:iCs/>
        </w:rPr>
        <w:t>Contact the Office of International Affairs with questions and to discuss any</w:t>
      </w:r>
      <w:r w:rsidR="008D57F5">
        <w:rPr>
          <w:i/>
          <w:iCs/>
        </w:rPr>
        <w:t xml:space="preserve"> </w:t>
      </w:r>
      <w:r w:rsidRPr="008D57F5">
        <w:rPr>
          <w:i/>
          <w:iCs/>
        </w:rPr>
        <w:t>international travel plans.</w:t>
      </w:r>
    </w:p>
    <w:p w14:paraId="41FCB0DA" w14:textId="283A3356" w:rsidR="00AE06EC" w:rsidRDefault="00000000" w:rsidP="00AE06EC">
      <w:sdt>
        <w:sdtPr>
          <w:id w:val="-514615497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 w:rsidRPr="4DDD0FD8">
            <w:rPr>
              <w:rFonts w:ascii="MS Gothic" w:eastAsia="MS Gothic" w:hAnsi="MS Gothic"/>
            </w:rPr>
            <w:t>☐</w:t>
          </w:r>
        </w:sdtContent>
      </w:sdt>
      <w:r w:rsidR="008D57F5">
        <w:t xml:space="preserve"> </w:t>
      </w:r>
      <w:r w:rsidR="008D57F5" w:rsidRPr="4DDD0FD8">
        <w:rPr>
          <w:b/>
          <w:bCs/>
        </w:rPr>
        <w:t>9</w:t>
      </w:r>
      <w:r w:rsidR="00AE06EC" w:rsidRPr="4DDD0FD8">
        <w:rPr>
          <w:b/>
          <w:bCs/>
        </w:rPr>
        <w:t>.</w:t>
      </w:r>
      <w:r w:rsidR="00AE06EC">
        <w:t xml:space="preserve"> </w:t>
      </w:r>
      <w:hyperlink r:id="rId12">
        <w:r w:rsidR="00AE06EC" w:rsidRPr="4DDD0FD8">
          <w:rPr>
            <w:rStyle w:val="Hyperlink"/>
            <w:color w:val="0070C0"/>
          </w:rPr>
          <w:t>H-1B Fact Sheet</w:t>
        </w:r>
      </w:hyperlink>
    </w:p>
    <w:p w14:paraId="16196C7F" w14:textId="6A286C83" w:rsidR="00AE06EC" w:rsidRDefault="00000000" w:rsidP="00AE06EC">
      <w:sdt>
        <w:sdtPr>
          <w:id w:val="688646452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8D57F5" w:rsidRPr="4DDD0FD8">
            <w:rPr>
              <w:rFonts w:ascii="MS Gothic" w:eastAsia="MS Gothic" w:hAnsi="MS Gothic"/>
            </w:rPr>
            <w:t>☐</w:t>
          </w:r>
        </w:sdtContent>
      </w:sdt>
      <w:r w:rsidR="008D57F5">
        <w:t xml:space="preserve"> </w:t>
      </w:r>
      <w:r w:rsidR="008D57F5" w:rsidRPr="4DDD0FD8">
        <w:rPr>
          <w:b/>
          <w:bCs/>
        </w:rPr>
        <w:t>10</w:t>
      </w:r>
      <w:r w:rsidR="00AE06EC">
        <w:t xml:space="preserve">. </w:t>
      </w:r>
      <w:hyperlink r:id="rId13">
        <w:r w:rsidR="00AE06EC" w:rsidRPr="4DDD0FD8">
          <w:rPr>
            <w:rStyle w:val="Hyperlink"/>
            <w:color w:val="0070C0"/>
          </w:rPr>
          <w:t>Immigration History Form for H-1B application</w:t>
        </w:r>
      </w:hyperlink>
    </w:p>
    <w:p w14:paraId="6863FAAF" w14:textId="44418B87" w:rsidR="00AE06EC" w:rsidRDefault="00000000" w:rsidP="00AE06EC">
      <w:sdt>
        <w:sdtPr>
          <w:id w:val="-1690362219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1</w:t>
      </w:r>
      <w:r w:rsidR="008D57F5" w:rsidRPr="4DDD0FD8">
        <w:rPr>
          <w:b/>
          <w:bCs/>
        </w:rPr>
        <w:t>1</w:t>
      </w:r>
      <w:r w:rsidR="00AE06EC">
        <w:t>. Curriculum vitae</w:t>
      </w:r>
    </w:p>
    <w:p w14:paraId="5E94EE67" w14:textId="3D0FFB74" w:rsidR="00AE06EC" w:rsidRDefault="00D10FF3" w:rsidP="00AE06EC">
      <w:r>
        <w:t xml:space="preserve"> </w:t>
      </w:r>
      <w:sdt>
        <w:sdtPr>
          <w:id w:val="520134062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Pr="4DDD0FD8">
            <w:rPr>
              <w:rFonts w:ascii="MS Gothic" w:eastAsia="MS Gothic" w:hAnsi="MS Gothic"/>
            </w:rPr>
            <w:t>☐</w:t>
          </w:r>
        </w:sdtContent>
      </w:sdt>
      <w:r w:rsidR="00AE06EC" w:rsidRPr="4DDD0FD8">
        <w:rPr>
          <w:b/>
          <w:bCs/>
        </w:rPr>
        <w:t>1</w:t>
      </w:r>
      <w:r w:rsidR="008D57F5" w:rsidRPr="4DDD0FD8">
        <w:rPr>
          <w:b/>
          <w:bCs/>
        </w:rPr>
        <w:t>2</w:t>
      </w:r>
      <w:r w:rsidR="00AE06EC">
        <w:t>. Copy of final degree, with English translation</w:t>
      </w:r>
    </w:p>
    <w:p w14:paraId="733391FA" w14:textId="0E1E9738" w:rsidR="00AE06EC" w:rsidRDefault="00000000" w:rsidP="00AE06EC">
      <w:sdt>
        <w:sdtPr>
          <w:id w:val="-105355217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1</w:t>
      </w:r>
      <w:r w:rsidR="00E07650" w:rsidRPr="4DDD0FD8">
        <w:rPr>
          <w:b/>
          <w:bCs/>
        </w:rPr>
        <w:t>3</w:t>
      </w:r>
      <w:r w:rsidR="00AE06EC" w:rsidRPr="4DDD0FD8">
        <w:rPr>
          <w:b/>
          <w:bCs/>
        </w:rPr>
        <w:t xml:space="preserve">. </w:t>
      </w:r>
      <w:r w:rsidR="00AE06EC">
        <w:t>Degree equivalency evaluation, if foreign degree (See list</w:t>
      </w:r>
      <w:r w:rsidR="00E07650">
        <w:t xml:space="preserve"> </w:t>
      </w:r>
      <w:r w:rsidR="00AE06EC">
        <w:t xml:space="preserve">of </w:t>
      </w:r>
      <w:hyperlink r:id="rId14">
        <w:r w:rsidR="00AE06EC" w:rsidRPr="4DDD0FD8">
          <w:rPr>
            <w:rStyle w:val="Hyperlink"/>
            <w:color w:val="0070C0"/>
          </w:rPr>
          <w:t>credential equivalency evaluation entities</w:t>
        </w:r>
      </w:hyperlink>
      <w:r w:rsidR="00AE06EC">
        <w:t>.)</w:t>
      </w:r>
    </w:p>
    <w:p w14:paraId="1C741F01" w14:textId="7BDC0723" w:rsidR="00AE06EC" w:rsidRDefault="00000000" w:rsidP="00AE06EC">
      <w:sdt>
        <w:sdtPr>
          <w:id w:val="-746255465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1</w:t>
      </w:r>
      <w:r w:rsidR="00E07650" w:rsidRPr="4DDD0FD8">
        <w:rPr>
          <w:b/>
          <w:bCs/>
        </w:rPr>
        <w:t>4</w:t>
      </w:r>
      <w:r w:rsidR="00AE06EC">
        <w:t>. Official transcripts (with English translation if applicable)</w:t>
      </w:r>
    </w:p>
    <w:p w14:paraId="2DD63485" w14:textId="07F05A42" w:rsidR="00AE06EC" w:rsidRDefault="00000000" w:rsidP="00AE06EC">
      <w:sdt>
        <w:sdtPr>
          <w:id w:val="-1970669251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1</w:t>
      </w:r>
      <w:r w:rsidR="00E07650" w:rsidRPr="4DDD0FD8">
        <w:rPr>
          <w:b/>
          <w:bCs/>
        </w:rPr>
        <w:t>5</w:t>
      </w:r>
      <w:r w:rsidR="00AE06EC">
        <w:t>. Copy of foreign passport biographic page</w:t>
      </w:r>
    </w:p>
    <w:p w14:paraId="3C8FA222" w14:textId="4A4D94ED" w:rsidR="00AE06EC" w:rsidRDefault="00000000" w:rsidP="00AE06EC">
      <w:sdt>
        <w:sdtPr>
          <w:id w:val="-575973995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1</w:t>
      </w:r>
      <w:r w:rsidR="00E07650" w:rsidRPr="4DDD0FD8">
        <w:rPr>
          <w:b/>
          <w:bCs/>
        </w:rPr>
        <w:t>6</w:t>
      </w:r>
      <w:r w:rsidR="00AE06EC">
        <w:t>. Copies of all U.S. immigration status documents, if any (e.g., visa</w:t>
      </w:r>
      <w:r w:rsidR="00E07650">
        <w:t xml:space="preserve"> </w:t>
      </w:r>
      <w:r w:rsidR="00AE06EC">
        <w:t>stamp, I-94, I-20, DS-2019, I-797)</w:t>
      </w:r>
    </w:p>
    <w:p w14:paraId="6D4BC3DF" w14:textId="06A2E06B" w:rsidR="00AE06EC" w:rsidRDefault="00000000" w:rsidP="00AE06EC">
      <w:sdt>
        <w:sdtPr>
          <w:id w:val="-2101175957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1</w:t>
      </w:r>
      <w:r w:rsidR="00E07650" w:rsidRPr="4DDD0FD8">
        <w:rPr>
          <w:b/>
          <w:bCs/>
        </w:rPr>
        <w:t>7</w:t>
      </w:r>
      <w:r w:rsidR="00AE06EC">
        <w:t>. Waiver of two-year home residency requirement (if applicable)</w:t>
      </w:r>
    </w:p>
    <w:p w14:paraId="191F228F" w14:textId="6EDE496E" w:rsidR="00AE06EC" w:rsidRDefault="00000000" w:rsidP="00AE06EC">
      <w:sdt>
        <w:sdtPr>
          <w:id w:val="801425078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1</w:t>
      </w:r>
      <w:r w:rsidR="00E07650" w:rsidRPr="4DDD0FD8">
        <w:rPr>
          <w:b/>
          <w:bCs/>
        </w:rPr>
        <w:t>8</w:t>
      </w:r>
      <w:r w:rsidR="00AE06EC">
        <w:t>. If currently in H-1B status, copies of paycheck summaries for</w:t>
      </w:r>
      <w:r w:rsidR="00F96E79">
        <w:t xml:space="preserve"> </w:t>
      </w:r>
      <w:r w:rsidR="00AE06EC">
        <w:t>previou</w:t>
      </w:r>
      <w:r w:rsidR="00F96E79">
        <w:t xml:space="preserve">s </w:t>
      </w:r>
      <w:r w:rsidR="00AE06EC">
        <w:t>three months</w:t>
      </w:r>
    </w:p>
    <w:p w14:paraId="5A7D99EB" w14:textId="77777777" w:rsidR="00AE06EC" w:rsidRPr="00E07650" w:rsidRDefault="00AE06EC" w:rsidP="00AE06EC">
      <w:pPr>
        <w:rPr>
          <w:b/>
          <w:bCs/>
        </w:rPr>
      </w:pPr>
      <w:r w:rsidRPr="00E07650">
        <w:rPr>
          <w:b/>
          <w:bCs/>
        </w:rPr>
        <w:t>For employee/beneficiary with dependents in the U.S.</w:t>
      </w:r>
    </w:p>
    <w:p w14:paraId="0FBF47F6" w14:textId="24B6D891" w:rsidR="00AE06EC" w:rsidRDefault="00000000" w:rsidP="00AE06EC">
      <w:sdt>
        <w:sdtPr>
          <w:id w:val="-801767110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1</w:t>
      </w:r>
      <w:r w:rsidR="00E07650" w:rsidRPr="4DDD0FD8">
        <w:rPr>
          <w:b/>
          <w:bCs/>
        </w:rPr>
        <w:t>9</w:t>
      </w:r>
      <w:r w:rsidR="00AE06EC">
        <w:t>. Copies of all U.S. immigration status documents, if any (e.g., I-94,</w:t>
      </w:r>
      <w:r w:rsidR="00E07650">
        <w:t xml:space="preserve"> </w:t>
      </w:r>
      <w:r w:rsidR="00AE06EC">
        <w:t>I-20, DS-2019, I-797)</w:t>
      </w:r>
    </w:p>
    <w:p w14:paraId="634554DE" w14:textId="51A6972C" w:rsidR="00AE06EC" w:rsidRDefault="00000000" w:rsidP="00AE06EC">
      <w:sdt>
        <w:sdtPr>
          <w:id w:val="-2124613845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E07650" w:rsidRPr="4DDD0FD8">
        <w:rPr>
          <w:b/>
          <w:bCs/>
        </w:rPr>
        <w:t>20</w:t>
      </w:r>
      <w:r w:rsidR="00AE06EC">
        <w:t>. Copy of marriage certificate and/or birth certificate with English</w:t>
      </w:r>
      <w:r w:rsidR="00E07650">
        <w:t xml:space="preserve"> </w:t>
      </w:r>
      <w:r w:rsidR="00AE06EC">
        <w:t>translation</w:t>
      </w:r>
    </w:p>
    <w:p w14:paraId="1FFB24C2" w14:textId="5C878253" w:rsidR="00AE06EC" w:rsidRDefault="00000000" w:rsidP="00AE06EC">
      <w:sdt>
        <w:sdtPr>
          <w:id w:val="-37904042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2</w:t>
      </w:r>
      <w:r w:rsidR="00E07650" w:rsidRPr="4DDD0FD8">
        <w:rPr>
          <w:b/>
          <w:bCs/>
        </w:rPr>
        <w:t>1</w:t>
      </w:r>
      <w:r w:rsidR="00AE06EC">
        <w:t>. Copy of dependent’s foreign passport biographic page and visa</w:t>
      </w:r>
      <w:r w:rsidR="00E07650">
        <w:t xml:space="preserve"> </w:t>
      </w:r>
      <w:r w:rsidR="00AE06EC">
        <w:t>pages (if any)</w:t>
      </w:r>
    </w:p>
    <w:p w14:paraId="058D6665" w14:textId="43276533" w:rsidR="00AE06EC" w:rsidRDefault="00000000" w:rsidP="00AE06EC">
      <w:sdt>
        <w:sdtPr>
          <w:id w:val="307910898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21</w:t>
      </w:r>
      <w:r w:rsidR="00AE06EC">
        <w:t xml:space="preserve">. </w:t>
      </w:r>
      <w:hyperlink r:id="rId15">
        <w:r w:rsidR="00E07650" w:rsidRPr="4DDD0FD8">
          <w:rPr>
            <w:rStyle w:val="Hyperlink"/>
            <w:color w:val="0070C0"/>
          </w:rPr>
          <w:t xml:space="preserve">Form </w:t>
        </w:r>
        <w:r w:rsidR="00AE06EC" w:rsidRPr="4DDD0FD8">
          <w:rPr>
            <w:rStyle w:val="Hyperlink"/>
            <w:color w:val="0070C0"/>
          </w:rPr>
          <w:t>I-539</w:t>
        </w:r>
      </w:hyperlink>
      <w:r w:rsidR="00AE06EC">
        <w:t xml:space="preserve"> from the U.S. Citizenship and Immigration Services,</w:t>
      </w:r>
      <w:r w:rsidR="00E07650">
        <w:t xml:space="preserve"> </w:t>
      </w:r>
      <w:r w:rsidR="00AE06EC">
        <w:t>completed and signed by the primary dependent (usually a spouse) with</w:t>
      </w:r>
      <w:r w:rsidR="00E07650">
        <w:t xml:space="preserve"> </w:t>
      </w:r>
      <w:r w:rsidR="00AE06EC">
        <w:t>supplement completed for all other dependents</w:t>
      </w:r>
    </w:p>
    <w:p w14:paraId="66AF61F2" w14:textId="24D2F218" w:rsidR="008631F1" w:rsidRDefault="00000000" w:rsidP="00AE06EC">
      <w:sdt>
        <w:sdtPr>
          <w:id w:val="-363592381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 w:rsidR="00D10FF3" w:rsidRPr="4DDD0FD8">
            <w:rPr>
              <w:rFonts w:ascii="MS Gothic" w:eastAsia="MS Gothic" w:hAnsi="MS Gothic"/>
            </w:rPr>
            <w:t>☐</w:t>
          </w:r>
        </w:sdtContent>
      </w:sdt>
      <w:r w:rsidR="00D10FF3">
        <w:t xml:space="preserve"> </w:t>
      </w:r>
      <w:r w:rsidR="00AE06EC" w:rsidRPr="4DDD0FD8">
        <w:rPr>
          <w:b/>
          <w:bCs/>
        </w:rPr>
        <w:t>22</w:t>
      </w:r>
      <w:r w:rsidR="00AE06EC">
        <w:t xml:space="preserve">. Fee (See </w:t>
      </w:r>
      <w:hyperlink r:id="rId16" w:anchor="fees">
        <w:r w:rsidR="00AE06EC" w:rsidRPr="4DDD0FD8">
          <w:rPr>
            <w:rStyle w:val="Hyperlink"/>
            <w:color w:val="0070C0"/>
          </w:rPr>
          <w:t>H-1B fees</w:t>
        </w:r>
      </w:hyperlink>
      <w:r w:rsidR="00606F36">
        <w:t>)</w:t>
      </w:r>
      <w:r w:rsidR="00AE06EC">
        <w:t>.</w:t>
      </w:r>
      <w:r w:rsidR="00CC6911">
        <w:t xml:space="preserve"> </w:t>
      </w:r>
    </w:p>
    <w:sectPr w:rsidR="008631F1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ptos">
    <w:panose1 w:val="020B0004020202020204"/>
    <w:charset w:val="00"/>
    <w:family w:val="swiss"/>
    <w:pitch w:val="variable"/>
    <w:sig w:usb0="20000287" w:usb1="00000003" w:usb2="00000000" w:usb3="00000000" w:csb0="0000019F" w:csb1="00000000"/>
  </w:font>
  <w:font w:name="Aptos Display">
    <w:panose1 w:val="020B0004020202020204"/>
    <w:charset w:val="00"/>
    <w:family w:val="swiss"/>
    <w:pitch w:val="variable"/>
    <w:sig w:usb0="20000287" w:usb1="00000003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22FC46AA"/>
    <w:multiLevelType w:val="hybridMultilevel"/>
    <w:tmpl w:val="BFFA776E"/>
    <w:lvl w:ilvl="0" w:tplc="0409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6B2662DD"/>
    <w:multiLevelType w:val="hybridMultilevel"/>
    <w:tmpl w:val="04404690"/>
    <w:lvl w:ilvl="0" w:tplc="0409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6C066A95"/>
    <w:multiLevelType w:val="hybridMultilevel"/>
    <w:tmpl w:val="1596698E"/>
    <w:lvl w:ilvl="0" w:tplc="C63C9378">
      <w:start w:val="1"/>
      <w:numFmt w:val="upperLetter"/>
      <w:lvlText w:val="%1."/>
      <w:lvlJc w:val="left"/>
      <w:pPr>
        <w:ind w:left="720" w:hanging="360"/>
      </w:pPr>
      <w:rPr>
        <w:rFonts w:asciiTheme="minorHAnsi" w:eastAsiaTheme="minorHAnsi" w:hAnsiTheme="minorHAnsi" w:cstheme="minorBidi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811600275">
    <w:abstractNumId w:val="1"/>
  </w:num>
  <w:num w:numId="2" w16cid:durableId="589317313">
    <w:abstractNumId w:val="2"/>
  </w:num>
  <w:num w:numId="3" w16cid:durableId="1799763109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E06EC"/>
    <w:rsid w:val="00044E61"/>
    <w:rsid w:val="00051562"/>
    <w:rsid w:val="000D6191"/>
    <w:rsid w:val="002619FB"/>
    <w:rsid w:val="003C7827"/>
    <w:rsid w:val="00606F36"/>
    <w:rsid w:val="008631F1"/>
    <w:rsid w:val="008D57F5"/>
    <w:rsid w:val="00AD1E8A"/>
    <w:rsid w:val="00AE06EC"/>
    <w:rsid w:val="00B41747"/>
    <w:rsid w:val="00C12C98"/>
    <w:rsid w:val="00C90930"/>
    <w:rsid w:val="00C9299F"/>
    <w:rsid w:val="00CC6911"/>
    <w:rsid w:val="00D10FF3"/>
    <w:rsid w:val="00D37331"/>
    <w:rsid w:val="00E07650"/>
    <w:rsid w:val="00EE31C7"/>
    <w:rsid w:val="00F12D90"/>
    <w:rsid w:val="00F96E79"/>
    <w:rsid w:val="17B0E761"/>
    <w:rsid w:val="1E744D7F"/>
    <w:rsid w:val="20DF74DF"/>
    <w:rsid w:val="30B7602C"/>
    <w:rsid w:val="4DDD0FD8"/>
    <w:rsid w:val="52B93E82"/>
    <w:rsid w:val="589052FD"/>
    <w:rsid w:val="5C40EDE9"/>
    <w:rsid w:val="5FC7045E"/>
    <w:rsid w:val="7E34EF1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334970C"/>
  <w15:chartTrackingRefBased/>
  <w15:docId w15:val="{1A4DAF08-8AB4-4400-9AB9-392ED13CFB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US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AE06EC"/>
    <w:pPr>
      <w:keepNext/>
      <w:keepLines/>
      <w:spacing w:before="360" w:after="80"/>
      <w:outlineLvl w:val="0"/>
    </w:pPr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AE06EC"/>
    <w:pPr>
      <w:keepNext/>
      <w:keepLines/>
      <w:spacing w:before="160" w:after="80"/>
      <w:outlineLvl w:val="1"/>
    </w:pPr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AE06EC"/>
    <w:pPr>
      <w:keepNext/>
      <w:keepLines/>
      <w:spacing w:before="160" w:after="80"/>
      <w:outlineLvl w:val="2"/>
    </w:pPr>
    <w:rPr>
      <w:rFonts w:eastAsiaTheme="majorEastAsia" w:cstheme="majorBidi"/>
      <w:color w:val="0F4761" w:themeColor="accent1" w:themeShade="BF"/>
      <w:sz w:val="28"/>
      <w:szCs w:val="28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AE06EC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0F4761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AE06EC"/>
    <w:pPr>
      <w:keepNext/>
      <w:keepLines/>
      <w:spacing w:before="80" w:after="40"/>
      <w:outlineLvl w:val="4"/>
    </w:pPr>
    <w:rPr>
      <w:rFonts w:eastAsiaTheme="majorEastAsia" w:cstheme="majorBidi"/>
      <w:color w:val="0F4761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AE06EC"/>
    <w:pPr>
      <w:keepNext/>
      <w:keepLines/>
      <w:spacing w:before="40" w:after="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AE06EC"/>
    <w:pPr>
      <w:keepNext/>
      <w:keepLines/>
      <w:spacing w:before="40" w:after="0"/>
      <w:outlineLvl w:val="6"/>
    </w:pPr>
    <w:rPr>
      <w:rFonts w:eastAsiaTheme="majorEastAsia" w:cstheme="majorBidi"/>
      <w:color w:val="595959" w:themeColor="text1" w:themeTint="A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AE06EC"/>
    <w:pPr>
      <w:keepNext/>
      <w:keepLines/>
      <w:spacing w:after="0"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AE06EC"/>
    <w:pPr>
      <w:keepNext/>
      <w:keepLines/>
      <w:spacing w:after="0"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AE06EC"/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AE06EC"/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AE06EC"/>
    <w:rPr>
      <w:rFonts w:eastAsiaTheme="majorEastAsia" w:cstheme="majorBidi"/>
      <w:color w:val="0F4761" w:themeColor="accent1" w:themeShade="BF"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E06EC"/>
    <w:rPr>
      <w:rFonts w:eastAsiaTheme="majorEastAsia" w:cstheme="majorBidi"/>
      <w:i/>
      <w:iCs/>
      <w:color w:val="0F4761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E06EC"/>
    <w:rPr>
      <w:rFonts w:eastAsiaTheme="majorEastAsia" w:cstheme="majorBidi"/>
      <w:color w:val="0F476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E06EC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E06EC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E06EC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E06EC"/>
    <w:rPr>
      <w:rFonts w:eastAsiaTheme="majorEastAsia" w:cstheme="majorBidi"/>
      <w:color w:val="272727" w:themeColor="text1" w:themeTint="D8"/>
    </w:rPr>
  </w:style>
  <w:style w:type="paragraph" w:styleId="Title">
    <w:name w:val="Title"/>
    <w:basedOn w:val="Normal"/>
    <w:next w:val="Normal"/>
    <w:link w:val="TitleChar"/>
    <w:uiPriority w:val="10"/>
    <w:qFormat/>
    <w:rsid w:val="00AE06EC"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AE06EC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AE06EC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rsid w:val="00AE06EC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Quote">
    <w:name w:val="Quote"/>
    <w:basedOn w:val="Normal"/>
    <w:next w:val="Normal"/>
    <w:link w:val="QuoteChar"/>
    <w:uiPriority w:val="29"/>
    <w:qFormat/>
    <w:rsid w:val="00AE06EC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AE06EC"/>
    <w:rPr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AE06EC"/>
    <w:pPr>
      <w:ind w:left="720"/>
      <w:contextualSpacing/>
    </w:pPr>
  </w:style>
  <w:style w:type="character" w:styleId="IntenseEmphasis">
    <w:name w:val="Intense Emphasis"/>
    <w:basedOn w:val="DefaultParagraphFont"/>
    <w:uiPriority w:val="21"/>
    <w:qFormat/>
    <w:rsid w:val="00AE06EC"/>
    <w:rPr>
      <w:i/>
      <w:iCs/>
      <w:color w:val="0F4761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AE06EC"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/>
      <w:ind w:left="864" w:right="864"/>
      <w:jc w:val="center"/>
    </w:pPr>
    <w:rPr>
      <w:i/>
      <w:iCs/>
      <w:color w:val="0F476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AE06EC"/>
    <w:rPr>
      <w:i/>
      <w:iCs/>
      <w:color w:val="0F4761" w:themeColor="accent1" w:themeShade="BF"/>
    </w:rPr>
  </w:style>
  <w:style w:type="character" w:styleId="IntenseReference">
    <w:name w:val="Intense Reference"/>
    <w:basedOn w:val="DefaultParagraphFont"/>
    <w:uiPriority w:val="32"/>
    <w:qFormat/>
    <w:rsid w:val="00AE06EC"/>
    <w:rPr>
      <w:b/>
      <w:bCs/>
      <w:smallCaps/>
      <w:color w:val="0F4761" w:themeColor="accent1" w:themeShade="BF"/>
      <w:spacing w:val="5"/>
    </w:rPr>
  </w:style>
  <w:style w:type="character" w:styleId="Hyperlink">
    <w:name w:val="Hyperlink"/>
    <w:basedOn w:val="DefaultParagraphFont"/>
    <w:uiPriority w:val="99"/>
    <w:unhideWhenUsed/>
    <w:rsid w:val="00EE31C7"/>
    <w:rPr>
      <w:color w:val="467886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EE31C7"/>
    <w:rPr>
      <w:color w:val="605E5C"/>
      <w:shd w:val="clear" w:color="auto" w:fill="E1DFDD"/>
    </w:rPr>
  </w:style>
  <w:style w:type="character" w:styleId="PlaceholderText">
    <w:name w:val="Placeholder Text"/>
    <w:basedOn w:val="DefaultParagraphFont"/>
    <w:uiPriority w:val="99"/>
    <w:semiHidden/>
    <w:rsid w:val="00EE31C7"/>
    <w:rPr>
      <w:color w:val="666666"/>
    </w:rPr>
  </w:style>
  <w:style w:type="character" w:styleId="FollowedHyperlink">
    <w:name w:val="FollowedHyperlink"/>
    <w:basedOn w:val="DefaultParagraphFont"/>
    <w:uiPriority w:val="99"/>
    <w:semiHidden/>
    <w:unhideWhenUsed/>
    <w:rsid w:val="00606F36"/>
    <w:rPr>
      <w:color w:val="96607D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utsouthwestern.edu/edumedia/edufiles/about_us/admin_offices/international_affairs/hib-actual-wage-worksheet.pdf" TargetMode="External"/><Relationship Id="rId13" Type="http://schemas.openxmlformats.org/officeDocument/2006/relationships/hyperlink" Target="https://www.utsouthwestern.edu/edumedia/edufiles/about_us/admin_offices/international_affairs/immigration-history.pdf" TargetMode="External"/><Relationship Id="rId18" Type="http://schemas.openxmlformats.org/officeDocument/2006/relationships/glossaryDocument" Target="glossary/document.xml"/><Relationship Id="rId3" Type="http://schemas.openxmlformats.org/officeDocument/2006/relationships/settings" Target="settings.xml"/><Relationship Id="rId7" Type="http://schemas.openxmlformats.org/officeDocument/2006/relationships/hyperlink" Target="https://www.utsouthwestern.edu/edumedia/edufiles/about_us/admin_offices/international_affairs/actual-wage-worksheet-h1-faculty.pdf" TargetMode="External"/><Relationship Id="rId12" Type="http://schemas.openxmlformats.org/officeDocument/2006/relationships/hyperlink" Target="https://www.utsouthwestern.edu/edumedia/edufiles/about_us/admin_offices/international_affairs/h1b-facts.pdf" TargetMode="External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hyperlink" Target="https://www.utsouthwestern.edu/about-us/administrative-offices/international-affairs/postdocs-clinical-trainees-employees/h-1b/" TargetMode="External"/><Relationship Id="rId1" Type="http://schemas.openxmlformats.org/officeDocument/2006/relationships/numbering" Target="numbering.xml"/><Relationship Id="rId6" Type="http://schemas.openxmlformats.org/officeDocument/2006/relationships/hyperlink" Target="https://ais.swmed.edu/redcap/surveys/?s=DNEXNR8J34WDXRRK" TargetMode="External"/><Relationship Id="rId11" Type="http://schemas.openxmlformats.org/officeDocument/2006/relationships/hyperlink" Target="https://www.utsouthwestern.edu/about-us/administrative-offices/international-affairs/postdocs-clinical-trainees-employees/h-1b/" TargetMode="External"/><Relationship Id="rId5" Type="http://schemas.openxmlformats.org/officeDocument/2006/relationships/hyperlink" Target="https://www.utsouthwestern.edu/edumedia/edufiles/about_us/admin_offices/international_affairs/h1b-job-description.pdf" TargetMode="External"/><Relationship Id="rId15" Type="http://schemas.openxmlformats.org/officeDocument/2006/relationships/hyperlink" Target="https://www.uscis.gov/i-539" TargetMode="External"/><Relationship Id="rId10" Type="http://schemas.openxmlformats.org/officeDocument/2006/relationships/hyperlink" Target="file:///C:\Users\s173604\Downloads\h1b-support-letter-template.docx" TargetMode="External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hyperlink" Target="file:///C:\Users\s173604\Downloads\h1b-return-transportation-agreement.doc" TargetMode="External"/><Relationship Id="rId14" Type="http://schemas.openxmlformats.org/officeDocument/2006/relationships/hyperlink" Target="https://www.utsouthwestern.edu/about-us/administrative-offices/international-affairs/postdocs-clinical-trainees-employees/tn/education-credential-evaluation.html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DefaultPlaceholder_-185401344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30E69FC-E424-43FA-9732-0314F87DE6B9}"/>
      </w:docPartPr>
      <w:docPartBody>
        <w:p w:rsidR="00314D90" w:rsidRDefault="00314D90">
          <w:r w:rsidRPr="007F3749">
            <w:rPr>
              <w:rStyle w:val="PlaceholderText"/>
            </w:rPr>
            <w:t>Click or tap here to enter text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ptos">
    <w:panose1 w:val="020B0004020202020204"/>
    <w:charset w:val="00"/>
    <w:family w:val="swiss"/>
    <w:pitch w:val="variable"/>
    <w:sig w:usb0="20000287" w:usb1="00000003" w:usb2="00000000" w:usb3="00000000" w:csb0="0000019F" w:csb1="00000000"/>
  </w:font>
  <w:font w:name="Aptos Display">
    <w:panose1 w:val="020B0004020202020204"/>
    <w:charset w:val="00"/>
    <w:family w:val="swiss"/>
    <w:pitch w:val="variable"/>
    <w:sig w:usb0="20000287" w:usb1="00000003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14D90"/>
    <w:rsid w:val="00051562"/>
    <w:rsid w:val="000D6191"/>
    <w:rsid w:val="00314D90"/>
    <w:rsid w:val="00685EC4"/>
    <w:rsid w:val="00A35F46"/>
    <w:rsid w:val="00D3733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kern w:val="2"/>
        <w:sz w:val="24"/>
        <w:szCs w:val="24"/>
        <w:lang w:val="en-US" w:eastAsia="en-US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314D90"/>
    <w:rPr>
      <w:color w:val="666666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468</Words>
  <Characters>2511</Characters>
  <Application>Microsoft Office Word</Application>
  <DocSecurity>0</DocSecurity>
  <Lines>50</Lines>
  <Paragraphs>3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Manager/>
  <Company/>
  <LinksUpToDate>false</LinksUpToDate>
  <CharactersWithSpaces>2947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hecklist for H-1B Visas </dc:title>
  <dc:subject/>
  <dc:creator>Joshua Franklin</dc:creator>
  <cp:keywords/>
  <dc:description/>
  <cp:lastModifiedBy>Adrienne Long</cp:lastModifiedBy>
  <cp:revision>4</cp:revision>
  <dcterms:created xsi:type="dcterms:W3CDTF">2024-10-02T12:58:00Z</dcterms:created>
  <dcterms:modified xsi:type="dcterms:W3CDTF">2024-10-17T13:59:00Z</dcterms:modified>
  <cp:category/>
</cp:coreProperties>
</file>